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uiz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C9B06E46-8E9B-DC58-7837-C1E55704110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1632" y="4824104"/>
            <a:ext cx="1860271" cy="182306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FED47148-FFE5-150A-BDD3-8998F0F7B28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4318" y="3459163"/>
            <a:ext cx="1860271" cy="182306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7-02T09:27:13Z</dcterms:modified>
</cp:coreProperties>
</file>